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134136\Desktop\gisele\TEN GISELE\2025\"/>
    </mc:Choice>
  </mc:AlternateContent>
  <bookViews>
    <workbookView xWindow="2655" yWindow="570" windowWidth="21600" windowHeight="11385"/>
  </bookViews>
  <sheets>
    <sheet name="Planilha1" sheetId="1" r:id="rId1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3" uniqueCount="27">
  <si>
    <t>TIPO DE INFORMAÇÃO</t>
  </si>
  <si>
    <t>FUNDAMENTO PARA O SIGILO</t>
  </si>
  <si>
    <t>DATA DA CLASSIFICAÇÃO</t>
  </si>
  <si>
    <t>GRAU DE SIGILO</t>
  </si>
  <si>
    <t>TEMPO DE SIGILO</t>
  </si>
  <si>
    <t>Relação de veículos disponibilizados para escoltas do Governador e do vice-Governador</t>
  </si>
  <si>
    <t>Art. 31, Decreto 45.969 e inciso VII, art.23, Lei 12.527</t>
  </si>
  <si>
    <t>28/082019</t>
  </si>
  <si>
    <t>Secreto</t>
  </si>
  <si>
    <t>15 anos</t>
  </si>
  <si>
    <t>Informações sobre viaturas do Gabinete Militar do Governador, bem como veículos colocados à disposição do órgão.</t>
  </si>
  <si>
    <t>Placas de segurança das viaturas do Gabinete Militar do Governador</t>
  </si>
  <si>
    <t>Art. 31, Decreto 45.969 e Art. 23, VII -  Lei 12.527/11</t>
  </si>
  <si>
    <t>Documentação relativa a distribuição dos cargos/funções (distribuição dos cargos, postos, graduações e funções militares e civis nas estruturas organizacionais e postos de trabalho do GMG)</t>
  </si>
  <si>
    <t>Art. 23, VII, Lei 12.527/11; Art.31, Decreto 45.969/12</t>
  </si>
  <si>
    <t>Registros dos serviços prestados ao GMG de agenciamento de viagens (passagens, hotéis, fretamentos e serviços correlatos) envolvendo a agenda do Governador ou do Vice-Governador</t>
  </si>
  <si>
    <t>Escalas de serviço da Superintendência de Segurança do Gabinete Militar do Governador</t>
  </si>
  <si>
    <t>Art. 23, VII - Lei 12.527/11; Art. 31, Decreto 45.969/2012</t>
  </si>
  <si>
    <t>Ordens de Serviço da Superintendência de Segurançado Gabinete Militar do Governador</t>
  </si>
  <si>
    <t>Relação dos veículos disponibilizados para o escritório de representação em Brasília</t>
  </si>
  <si>
    <t>Atos normativos e ordinatórios (como Memorandos e ofícios com recomendações às equipes de segurança)</t>
  </si>
  <si>
    <t>Art. 23, VII, Lei 12.527/11; Art. 31, Decreto 45.969/12</t>
  </si>
  <si>
    <t>20/082019</t>
  </si>
  <si>
    <t>Plantas e Projetos das edificações onde o Governador, Vice-Governador e Chefe do Gabinete Militar exercerem as suas funções e das respectivas residências oficiais</t>
  </si>
  <si>
    <t>Decreto 46.983/2016; Decreto 45.357/2010; Art. 31, Decreto 45.969/12</t>
  </si>
  <si>
    <t>Ultrassecreto</t>
  </si>
  <si>
    <t>25 ano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>
    <font>
      <sz val="11"/>
      <color theme="1"/>
      <name val="Aptos Narrow"/>
      <family val="2"/>
      <scheme val="minor"/>
    </font>
    <font>
      <b/>
      <sz val="11"/>
      <color theme="1"/>
      <name val="Aptos Narrow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0" fontId="1" fillId="0" borderId="0" xfId="0" applyFont="1" applyAlignment="1">
      <alignment horizontal="center"/>
    </xf>
    <xf numFmtId="0" fontId="0" fillId="0" borderId="0" xfId="0" applyAlignment="1">
      <alignment horizontal="justify" vertical="justify"/>
    </xf>
    <xf numFmtId="14" fontId="0" fillId="0" borderId="0" xfId="0" applyNumberFormat="1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11"/>
  <sheetViews>
    <sheetView tabSelected="1" workbookViewId="0">
      <selection activeCell="A3" sqref="A3"/>
    </sheetView>
  </sheetViews>
  <sheetFormatPr defaultRowHeight="14.25"/>
  <cols>
    <col min="1" max="1" width="58" customWidth="1"/>
    <col min="2" max="2" width="61.375" bestFit="1" customWidth="1"/>
    <col min="3" max="3" width="24.125" bestFit="1" customWidth="1"/>
    <col min="4" max="4" width="15.875" bestFit="1" customWidth="1"/>
    <col min="5" max="5" width="17" bestFit="1" customWidth="1"/>
  </cols>
  <sheetData>
    <row r="1" spans="1:5" ht="1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</row>
    <row r="2" spans="1:5" ht="28.5">
      <c r="A2" s="2" t="s">
        <v>5</v>
      </c>
      <c r="B2" t="s">
        <v>6</v>
      </c>
      <c r="C2" t="s">
        <v>7</v>
      </c>
      <c r="D2" t="s">
        <v>8</v>
      </c>
      <c r="E2" t="s">
        <v>9</v>
      </c>
    </row>
    <row r="3" spans="1:5" ht="28.5">
      <c r="A3" s="2" t="s">
        <v>10</v>
      </c>
      <c r="B3" t="s">
        <v>6</v>
      </c>
      <c r="C3" s="3">
        <v>45826</v>
      </c>
      <c r="D3" t="s">
        <v>8</v>
      </c>
      <c r="E3" t="s">
        <v>9</v>
      </c>
    </row>
    <row r="4" spans="1:5">
      <c r="A4" s="2" t="s">
        <v>11</v>
      </c>
      <c r="B4" t="s">
        <v>12</v>
      </c>
      <c r="C4" t="s">
        <v>7</v>
      </c>
      <c r="D4" t="s">
        <v>8</v>
      </c>
      <c r="E4" t="s">
        <v>9</v>
      </c>
    </row>
    <row r="5" spans="1:5" ht="42.75">
      <c r="A5" s="2" t="s">
        <v>13</v>
      </c>
      <c r="B5" t="s">
        <v>14</v>
      </c>
      <c r="C5" t="s">
        <v>7</v>
      </c>
      <c r="D5" t="s">
        <v>8</v>
      </c>
      <c r="E5" t="s">
        <v>9</v>
      </c>
    </row>
    <row r="6" spans="1:5" ht="42.75">
      <c r="A6" s="2" t="s">
        <v>15</v>
      </c>
      <c r="B6" t="s">
        <v>14</v>
      </c>
      <c r="C6" s="3">
        <v>45833</v>
      </c>
      <c r="D6" t="s">
        <v>8</v>
      </c>
      <c r="E6" t="s">
        <v>9</v>
      </c>
    </row>
    <row r="7" spans="1:5" ht="28.5">
      <c r="A7" s="2" t="s">
        <v>16</v>
      </c>
      <c r="B7" t="s">
        <v>17</v>
      </c>
      <c r="C7" t="s">
        <v>7</v>
      </c>
      <c r="D7" t="s">
        <v>8</v>
      </c>
      <c r="E7" t="s">
        <v>9</v>
      </c>
    </row>
    <row r="8" spans="1:5" ht="28.5">
      <c r="A8" s="2" t="s">
        <v>18</v>
      </c>
      <c r="B8" t="s">
        <v>17</v>
      </c>
      <c r="C8" t="s">
        <v>7</v>
      </c>
      <c r="D8" t="s">
        <v>8</v>
      </c>
      <c r="E8" t="s">
        <v>9</v>
      </c>
    </row>
    <row r="9" spans="1:5" ht="28.5">
      <c r="A9" s="2" t="s">
        <v>19</v>
      </c>
      <c r="B9" t="s">
        <v>17</v>
      </c>
      <c r="C9" t="s">
        <v>7</v>
      </c>
      <c r="D9" t="s">
        <v>8</v>
      </c>
      <c r="E9" t="s">
        <v>9</v>
      </c>
    </row>
    <row r="10" spans="1:5" ht="28.5">
      <c r="A10" s="2" t="s">
        <v>20</v>
      </c>
      <c r="B10" t="s">
        <v>21</v>
      </c>
      <c r="C10" t="s">
        <v>22</v>
      </c>
      <c r="D10" t="s">
        <v>8</v>
      </c>
      <c r="E10" t="s">
        <v>9</v>
      </c>
    </row>
    <row r="11" spans="1:5" ht="42.75">
      <c r="A11" s="2" t="s">
        <v>23</v>
      </c>
      <c r="B11" t="s">
        <v>24</v>
      </c>
      <c r="C11" t="s">
        <v>7</v>
      </c>
      <c r="D11" t="s">
        <v>25</v>
      </c>
      <c r="E11" t="s">
        <v>26</v>
      </c>
    </row>
  </sheetData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Planilha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ésia Cristina Barbosa Alves Bomfá</dc:creator>
  <cp:keywords/>
  <dc:description/>
  <cp:lastModifiedBy>Gisele F. C. da Silva (GMG - COMUNICAÇÃO)</cp:lastModifiedBy>
  <cp:revision/>
  <dcterms:created xsi:type="dcterms:W3CDTF">2024-10-09T12:40:11Z</dcterms:created>
  <dcterms:modified xsi:type="dcterms:W3CDTF">2025-09-11T17:02:39Z</dcterms:modified>
  <cp:category/>
  <cp:contentStatus/>
</cp:coreProperties>
</file>